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8 小田原市★　水道、病院、下水道\"/>
    </mc:Choice>
  </mc:AlternateContent>
  <workbookProtection workbookAlgorithmName="SHA-512" workbookHashValue="H0FqwZzHaRzzQzg4o8XqyMWOp5hMpkfWW6xvZtUfTB08k+OZrOok+9Gd3ZQMHfn2eTYR4U3I/m7/j/OgvQ32PA==" workbookSaltValue="dbnGYvOzQZFuVL4QvyD+Bw=="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BB8" i="4" s="1"/>
  <c r="T6" i="5"/>
  <c r="AT8" i="4" s="1"/>
  <c r="S6" i="5"/>
  <c r="AL8" i="4" s="1"/>
  <c r="R6" i="5"/>
  <c r="AD10" i="4" s="1"/>
  <c r="Q6" i="5"/>
  <c r="W10" i="4" s="1"/>
  <c r="P6" i="5"/>
  <c r="O6" i="5"/>
  <c r="N6" i="5"/>
  <c r="M6" i="5"/>
  <c r="AD8" i="4" s="1"/>
  <c r="L6" i="5"/>
  <c r="W8" i="4" s="1"/>
  <c r="K6" i="5"/>
  <c r="P8" i="4" s="1"/>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I85" i="4"/>
  <c r="H85" i="4"/>
  <c r="BB10" i="4"/>
  <c r="AT10" i="4"/>
  <c r="P10" i="4"/>
  <c r="I10" i="4"/>
  <c r="B10" i="4"/>
  <c r="B6" i="4"/>
</calcChain>
</file>

<file path=xl/sharedStrings.xml><?xml version="1.0" encoding="utf-8"?>
<sst xmlns="http://schemas.openxmlformats.org/spreadsheetml/2006/main" count="236"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r>
      <t>　老朽管渠の増加や人口減少の進展等下水道事業を取り巻く環境は厳しさを増す一方ですが、持続可能な下水道事業運営を行うため、民間のノウハウを活用した管路の維持管理を行うなど、経営効率化・健全化に努め、経営基盤の強化を一層、図ってまいります。また、令和２年度の経営戦略改定を機に、毎年多角的な経営シミュレートを行うとともに、中長期的に経営面に影響しそうな投資や事業を組織内で共有し、早期に情報を把握</t>
    </r>
    <r>
      <rPr>
        <sz val="11"/>
        <color rgb="FFFF0000"/>
        <rFont val="ＭＳ ゴシック"/>
        <family val="3"/>
        <charset val="128"/>
      </rPr>
      <t>し、</t>
    </r>
    <r>
      <rPr>
        <sz val="11"/>
        <color theme="1"/>
        <rFont val="ＭＳ ゴシック"/>
        <family val="3"/>
        <charset val="128"/>
      </rPr>
      <t>より効率的な投資・事業のあり方を模索することとしています。
　今後も投資の主軸となるストックマネジメント計画に基づき、下水道施設を計画的かつ効率的に管理し、事業費の平準化にも配慮しながら、施設全体の効率的・安定的な維持管理及び改築・更新に努めてまいります。</t>
    </r>
    <rPh sb="1" eb="3">
      <t>ロウキュウ</t>
    </rPh>
    <rPh sb="3" eb="5">
      <t>カンキョ</t>
    </rPh>
    <rPh sb="6" eb="8">
      <t>ゾウカ</t>
    </rPh>
    <rPh sb="9" eb="11">
      <t>ジンコウ</t>
    </rPh>
    <rPh sb="11" eb="13">
      <t>ゲンショウ</t>
    </rPh>
    <rPh sb="14" eb="16">
      <t>シンテン</t>
    </rPh>
    <rPh sb="16" eb="17">
      <t>トウ</t>
    </rPh>
    <rPh sb="17" eb="20">
      <t>ゲスイドウ</t>
    </rPh>
    <rPh sb="20" eb="22">
      <t>ジギョウ</t>
    </rPh>
    <rPh sb="23" eb="24">
      <t>ト</t>
    </rPh>
    <rPh sb="25" eb="26">
      <t>マ</t>
    </rPh>
    <rPh sb="27" eb="29">
      <t>カンキョウ</t>
    </rPh>
    <rPh sb="30" eb="31">
      <t>キビ</t>
    </rPh>
    <rPh sb="34" eb="35">
      <t>マ</t>
    </rPh>
    <rPh sb="36" eb="38">
      <t>イッポウ</t>
    </rPh>
    <rPh sb="68" eb="70">
      <t>カツヨウ</t>
    </rPh>
    <rPh sb="72" eb="74">
      <t>カンロ</t>
    </rPh>
    <rPh sb="75" eb="77">
      <t>イジ</t>
    </rPh>
    <rPh sb="77" eb="79">
      <t>カンリ</t>
    </rPh>
    <rPh sb="80" eb="81">
      <t>オコナ</t>
    </rPh>
    <rPh sb="106" eb="108">
      <t>イッソウ</t>
    </rPh>
    <rPh sb="121" eb="123">
      <t>レイワ</t>
    </rPh>
    <rPh sb="124" eb="126">
      <t>ネンド</t>
    </rPh>
    <rPh sb="127" eb="129">
      <t>ケイエイ</t>
    </rPh>
    <rPh sb="129" eb="131">
      <t>センリャク</t>
    </rPh>
    <rPh sb="131" eb="133">
      <t>カイテイ</t>
    </rPh>
    <rPh sb="134" eb="135">
      <t>キ</t>
    </rPh>
    <rPh sb="137" eb="139">
      <t>マイネン</t>
    </rPh>
    <rPh sb="139" eb="142">
      <t>タカクテキ</t>
    </rPh>
    <rPh sb="143" eb="145">
      <t>ケイエイ</t>
    </rPh>
    <rPh sb="152" eb="153">
      <t>オコナ</t>
    </rPh>
    <rPh sb="159" eb="163">
      <t>チュウチョウキテキ</t>
    </rPh>
    <rPh sb="164" eb="166">
      <t>ケイエイ</t>
    </rPh>
    <rPh sb="166" eb="167">
      <t>メン</t>
    </rPh>
    <rPh sb="168" eb="170">
      <t>エイキョウ</t>
    </rPh>
    <rPh sb="174" eb="176">
      <t>トウシ</t>
    </rPh>
    <rPh sb="177" eb="179">
      <t>ジギョウ</t>
    </rPh>
    <rPh sb="180" eb="182">
      <t>ソシキ</t>
    </rPh>
    <rPh sb="182" eb="183">
      <t>ナイ</t>
    </rPh>
    <rPh sb="184" eb="186">
      <t>キョウユウ</t>
    </rPh>
    <rPh sb="188" eb="190">
      <t>ソウキ</t>
    </rPh>
    <rPh sb="191" eb="193">
      <t>ジョウホウ</t>
    </rPh>
    <rPh sb="194" eb="196">
      <t>ハアク</t>
    </rPh>
    <rPh sb="200" eb="203">
      <t>コウリツテキ</t>
    </rPh>
    <rPh sb="204" eb="206">
      <t>トウシ</t>
    </rPh>
    <rPh sb="207" eb="209">
      <t>ジギョウ</t>
    </rPh>
    <rPh sb="212" eb="213">
      <t>カタ</t>
    </rPh>
    <rPh sb="214" eb="216">
      <t>モサク</t>
    </rPh>
    <rPh sb="229" eb="231">
      <t>コンゴ</t>
    </rPh>
    <rPh sb="232" eb="234">
      <t>トウシ</t>
    </rPh>
    <rPh sb="235" eb="237">
      <t>シュジク</t>
    </rPh>
    <phoneticPr fontId="4"/>
  </si>
  <si>
    <t>　「①経常収支比率」は、前年度から2.3ポイント増加したものの電気料金等の光熱水費の高騰に伴う支出の増加により100%を下回りました。
　それに伴い、「②累積欠損金比率」についても２年連続で計上することとなりましたが、今後、人口減少に伴う使用料収入の減少や物価高騰に伴う支出の増加が見込まれることから、引き続き、民間活力の導入等経営の効率化に努めていきます。
　「③流動比率」は、上昇傾向にありますが、老朽管渠の維持管理に係る負担増や人口減少等の水需要の減など決して楽観視できる状況にないことから、引き続きバランスを保てるよう努めていきます。
　「④企業債残高対事業規模比率」は、計画的に整備・投資を行うことにより企業債の借入を企業債元金償還金とのバランスに常に配慮して行っていることなどから、類似団体平均等よりも低い状況です。
　「⑤経費回収率」は、前年度から大きく上昇しましたが、依然として100％を下回っています。今後は、流域下水道維持管理費負担金の増など支出の増加が見込まれることから、引き続き効率的な事業運営を行っていきます。
　「⑥汚水処理原価」は、類似団体平均及び全国平均よりも高い状況にありますが、これは不明水割合が高く年間有収水量が減少していることなどが要因であると考えられます。管路の更生工事等引き続き不明水対策等への取り組みを行っていきます。
　なお、汚水処理費用のうち、流域下水道事業に係る経費については今後も増額が見込まれており、当市単独での状況改善は難しいと考えられます。</t>
    <rPh sb="12" eb="15">
      <t>ゼンネンド</t>
    </rPh>
    <rPh sb="24" eb="26">
      <t>ゾウカ</t>
    </rPh>
    <rPh sb="31" eb="35">
      <t>デンキリョウキン</t>
    </rPh>
    <rPh sb="35" eb="36">
      <t>ナド</t>
    </rPh>
    <rPh sb="37" eb="41">
      <t>コウネツスイヒ</t>
    </rPh>
    <rPh sb="42" eb="44">
      <t>コウトウ</t>
    </rPh>
    <rPh sb="45" eb="46">
      <t>トモナ</t>
    </rPh>
    <rPh sb="60" eb="62">
      <t>シタマワ</t>
    </rPh>
    <rPh sb="72" eb="73">
      <t>トモナ</t>
    </rPh>
    <rPh sb="91" eb="92">
      <t>ネン</t>
    </rPh>
    <rPh sb="92" eb="94">
      <t>レンゾク</t>
    </rPh>
    <rPh sb="95" eb="97">
      <t>ケイジョウ</t>
    </rPh>
    <rPh sb="109" eb="111">
      <t>コンゴ</t>
    </rPh>
    <rPh sb="112" eb="116">
      <t>ジンコウゲンショウ</t>
    </rPh>
    <rPh sb="117" eb="118">
      <t>トモナ</t>
    </rPh>
    <rPh sb="128" eb="132">
      <t>ブッカコウトウ</t>
    </rPh>
    <rPh sb="133" eb="134">
      <t>トモナ</t>
    </rPh>
    <rPh sb="135" eb="137">
      <t>シシュツ</t>
    </rPh>
    <rPh sb="138" eb="140">
      <t>ゾウカ</t>
    </rPh>
    <rPh sb="190" eb="192">
      <t>ジョウショウ</t>
    </rPh>
    <rPh sb="192" eb="194">
      <t>ケイコウ</t>
    </rPh>
    <rPh sb="201" eb="203">
      <t>ロウキュウ</t>
    </rPh>
    <rPh sb="203" eb="205">
      <t>カンキョ</t>
    </rPh>
    <rPh sb="206" eb="208">
      <t>イジ</t>
    </rPh>
    <rPh sb="208" eb="210">
      <t>カンリ</t>
    </rPh>
    <rPh sb="211" eb="212">
      <t>カカ</t>
    </rPh>
    <rPh sb="213" eb="216">
      <t>フタンゾウ</t>
    </rPh>
    <rPh sb="217" eb="219">
      <t>ジンコウ</t>
    </rPh>
    <rPh sb="219" eb="221">
      <t>ゲンショウ</t>
    </rPh>
    <rPh sb="221" eb="222">
      <t>トウ</t>
    </rPh>
    <rPh sb="223" eb="224">
      <t>ミズ</t>
    </rPh>
    <rPh sb="224" eb="226">
      <t>ジュヨウ</t>
    </rPh>
    <rPh sb="227" eb="228">
      <t>ゲン</t>
    </rPh>
    <rPh sb="230" eb="231">
      <t>ケッ</t>
    </rPh>
    <rPh sb="233" eb="235">
      <t>ラッカン</t>
    </rPh>
    <rPh sb="235" eb="236">
      <t>シ</t>
    </rPh>
    <rPh sb="239" eb="241">
      <t>ジョウキョウ</t>
    </rPh>
    <rPh sb="249" eb="250">
      <t>ヒ</t>
    </rPh>
    <rPh sb="251" eb="252">
      <t>ツヅ</t>
    </rPh>
    <rPh sb="258" eb="259">
      <t>タモ</t>
    </rPh>
    <rPh sb="263" eb="264">
      <t>ツト</t>
    </rPh>
    <rPh sb="384" eb="386">
      <t>ジョウショウ</t>
    </rPh>
    <rPh sb="392" eb="394">
      <t>イゼン</t>
    </rPh>
    <rPh sb="402" eb="404">
      <t>シタマワ</t>
    </rPh>
    <rPh sb="430" eb="434">
      <t>ゼンネンドヒ</t>
    </rPh>
    <rPh sb="434" eb="435">
      <t>オオ</t>
    </rPh>
    <rPh sb="437" eb="439">
      <t>ミコ</t>
    </rPh>
    <rPh sb="448" eb="450">
      <t>リュウイキ</t>
    </rPh>
    <rPh sb="450" eb="453">
      <t>ゲスイドウ</t>
    </rPh>
    <rPh sb="453" eb="455">
      <t>イジ</t>
    </rPh>
    <rPh sb="455" eb="458">
      <t>カンリヒ</t>
    </rPh>
    <rPh sb="458" eb="461">
      <t>フタンキン</t>
    </rPh>
    <rPh sb="462" eb="463">
      <t>ゾウ</t>
    </rPh>
    <rPh sb="465" eb="467">
      <t>シシュツ</t>
    </rPh>
    <rPh sb="468" eb="470">
      <t>ゾウカ</t>
    </rPh>
    <rPh sb="471" eb="473">
      <t>ソウテイ</t>
    </rPh>
    <rPh sb="483" eb="484">
      <t>ヒ</t>
    </rPh>
    <rPh sb="485" eb="486">
      <t>ツヅ</t>
    </rPh>
    <rPh sb="496" eb="497">
      <t>オコナ</t>
    </rPh>
    <rPh sb="584" eb="586">
      <t>カンロ</t>
    </rPh>
    <rPh sb="587" eb="589">
      <t>コウセイ</t>
    </rPh>
    <rPh sb="589" eb="591">
      <t>コウジ</t>
    </rPh>
    <rPh sb="591" eb="592">
      <t>トウ</t>
    </rPh>
    <rPh sb="592" eb="593">
      <t>ヒ</t>
    </rPh>
    <rPh sb="594" eb="595">
      <t>ツヅ</t>
    </rPh>
    <rPh sb="609" eb="610">
      <t>オコナ</t>
    </rPh>
    <phoneticPr fontId="4"/>
  </si>
  <si>
    <t>　「①有形固定資産減価償却率」について、当市は平成28年度が地方公営企業法の適用初年度（一部適用）であり、平成27年度末までの償却累計額相当分を資産価格から差し引いて法適用初年度当初の取得価格としたことにより、前年度末までの減価償却累計額がないため、非常に低いものとなっています。
　「②管渠老朽化率」は、類似団体平均値及び全国平均と比べ上回っていますが、近年は、管路建設投資から更新等の建設改良投資に投資をシフトしたことから減少傾向となっています。
　「③管渠改善率」は、類似団体平均値及び全国平均を上回っており、今後もストックマネジメント計画に基づき、計画的な改築・更新を進めます。</t>
    <rPh sb="159" eb="160">
      <t>チ</t>
    </rPh>
    <rPh sb="178" eb="180">
      <t>キンネン</t>
    </rPh>
    <rPh sb="213" eb="215">
      <t>ゲンショウ</t>
    </rPh>
    <rPh sb="215" eb="217">
      <t>ケイコウ</t>
    </rPh>
    <rPh sb="243" eb="244">
      <t>チ</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14000000000000001</c:v>
                </c:pt>
                <c:pt idx="1">
                  <c:v>0.66</c:v>
                </c:pt>
                <c:pt idx="2">
                  <c:v>0.81</c:v>
                </c:pt>
                <c:pt idx="3">
                  <c:v>0.77</c:v>
                </c:pt>
                <c:pt idx="4">
                  <c:v>0.71</c:v>
                </c:pt>
              </c:numCache>
            </c:numRef>
          </c:val>
          <c:extLst>
            <c:ext xmlns:c16="http://schemas.microsoft.com/office/drawing/2014/chart" uri="{C3380CC4-5D6E-409C-BE32-E72D297353CC}">
              <c16:uniqueId val="{00000000-F757-4DF8-9798-57FFBC4F4577}"/>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1</c:v>
                </c:pt>
                <c:pt idx="1">
                  <c:v>0.19</c:v>
                </c:pt>
                <c:pt idx="2">
                  <c:v>0.19</c:v>
                </c:pt>
                <c:pt idx="3">
                  <c:v>0.19</c:v>
                </c:pt>
                <c:pt idx="4">
                  <c:v>0.21</c:v>
                </c:pt>
              </c:numCache>
            </c:numRef>
          </c:val>
          <c:smooth val="0"/>
          <c:extLst>
            <c:ext xmlns:c16="http://schemas.microsoft.com/office/drawing/2014/chart" uri="{C3380CC4-5D6E-409C-BE32-E72D297353CC}">
              <c16:uniqueId val="{00000001-F757-4DF8-9798-57FFBC4F4577}"/>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E2B-4E3C-BB10-4595EB941917}"/>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93</c:v>
                </c:pt>
                <c:pt idx="1">
                  <c:v>61.32</c:v>
                </c:pt>
                <c:pt idx="2">
                  <c:v>61.7</c:v>
                </c:pt>
                <c:pt idx="3">
                  <c:v>63.04</c:v>
                </c:pt>
                <c:pt idx="4">
                  <c:v>60.55</c:v>
                </c:pt>
              </c:numCache>
            </c:numRef>
          </c:val>
          <c:smooth val="0"/>
          <c:extLst>
            <c:ext xmlns:c16="http://schemas.microsoft.com/office/drawing/2014/chart" uri="{C3380CC4-5D6E-409C-BE32-E72D297353CC}">
              <c16:uniqueId val="{00000001-EE2B-4E3C-BB10-4595EB941917}"/>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3.55</c:v>
                </c:pt>
                <c:pt idx="1">
                  <c:v>93.72</c:v>
                </c:pt>
                <c:pt idx="2">
                  <c:v>93.83</c:v>
                </c:pt>
                <c:pt idx="3">
                  <c:v>94</c:v>
                </c:pt>
                <c:pt idx="4">
                  <c:v>94.25</c:v>
                </c:pt>
              </c:numCache>
            </c:numRef>
          </c:val>
          <c:extLst>
            <c:ext xmlns:c16="http://schemas.microsoft.com/office/drawing/2014/chart" uri="{C3380CC4-5D6E-409C-BE32-E72D297353CC}">
              <c16:uniqueId val="{00000000-9C8C-49BA-BE12-7D6CE1683CE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45</c:v>
                </c:pt>
                <c:pt idx="1">
                  <c:v>94.58</c:v>
                </c:pt>
                <c:pt idx="2">
                  <c:v>94.56</c:v>
                </c:pt>
                <c:pt idx="3">
                  <c:v>94.75</c:v>
                </c:pt>
                <c:pt idx="4">
                  <c:v>94.92</c:v>
                </c:pt>
              </c:numCache>
            </c:numRef>
          </c:val>
          <c:smooth val="0"/>
          <c:extLst>
            <c:ext xmlns:c16="http://schemas.microsoft.com/office/drawing/2014/chart" uri="{C3380CC4-5D6E-409C-BE32-E72D297353CC}">
              <c16:uniqueId val="{00000001-9C8C-49BA-BE12-7D6CE1683CE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04.42</c:v>
                </c:pt>
                <c:pt idx="1">
                  <c:v>104.22</c:v>
                </c:pt>
                <c:pt idx="2">
                  <c:v>103.4</c:v>
                </c:pt>
                <c:pt idx="3">
                  <c:v>96.92</c:v>
                </c:pt>
                <c:pt idx="4">
                  <c:v>99.22</c:v>
                </c:pt>
              </c:numCache>
            </c:numRef>
          </c:val>
          <c:extLst>
            <c:ext xmlns:c16="http://schemas.microsoft.com/office/drawing/2014/chart" uri="{C3380CC4-5D6E-409C-BE32-E72D297353CC}">
              <c16:uniqueId val="{00000000-F41E-46FD-89C3-18F92CC11D40}"/>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64</c:v>
                </c:pt>
                <c:pt idx="1">
                  <c:v>107.03</c:v>
                </c:pt>
                <c:pt idx="2">
                  <c:v>106.55</c:v>
                </c:pt>
                <c:pt idx="3">
                  <c:v>106.01</c:v>
                </c:pt>
                <c:pt idx="4">
                  <c:v>105.5</c:v>
                </c:pt>
              </c:numCache>
            </c:numRef>
          </c:val>
          <c:smooth val="0"/>
          <c:extLst>
            <c:ext xmlns:c16="http://schemas.microsoft.com/office/drawing/2014/chart" uri="{C3380CC4-5D6E-409C-BE32-E72D297353CC}">
              <c16:uniqueId val="{00000001-F41E-46FD-89C3-18F92CC11D40}"/>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0.41</c:v>
                </c:pt>
                <c:pt idx="1">
                  <c:v>13.29</c:v>
                </c:pt>
                <c:pt idx="2">
                  <c:v>16.149999999999999</c:v>
                </c:pt>
                <c:pt idx="3">
                  <c:v>18.84</c:v>
                </c:pt>
                <c:pt idx="4">
                  <c:v>21.52</c:v>
                </c:pt>
              </c:numCache>
            </c:numRef>
          </c:val>
          <c:extLst>
            <c:ext xmlns:c16="http://schemas.microsoft.com/office/drawing/2014/chart" uri="{C3380CC4-5D6E-409C-BE32-E72D297353CC}">
              <c16:uniqueId val="{00000000-4E15-47A8-A598-52847BE8C332}"/>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45</c:v>
                </c:pt>
                <c:pt idx="1">
                  <c:v>31.01</c:v>
                </c:pt>
                <c:pt idx="2">
                  <c:v>28.87</c:v>
                </c:pt>
                <c:pt idx="3">
                  <c:v>31.34</c:v>
                </c:pt>
                <c:pt idx="4">
                  <c:v>32.909999999999997</c:v>
                </c:pt>
              </c:numCache>
            </c:numRef>
          </c:val>
          <c:smooth val="0"/>
          <c:extLst>
            <c:ext xmlns:c16="http://schemas.microsoft.com/office/drawing/2014/chart" uri="{C3380CC4-5D6E-409C-BE32-E72D297353CC}">
              <c16:uniqueId val="{00000001-4E15-47A8-A598-52847BE8C332}"/>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7.84</c:v>
                </c:pt>
                <c:pt idx="1">
                  <c:v>8.8800000000000008</c:v>
                </c:pt>
                <c:pt idx="2">
                  <c:v>9.9600000000000009</c:v>
                </c:pt>
                <c:pt idx="3">
                  <c:v>9.07</c:v>
                </c:pt>
                <c:pt idx="4">
                  <c:v>8.9499999999999993</c:v>
                </c:pt>
              </c:numCache>
            </c:numRef>
          </c:val>
          <c:extLst>
            <c:ext xmlns:c16="http://schemas.microsoft.com/office/drawing/2014/chart" uri="{C3380CC4-5D6E-409C-BE32-E72D297353CC}">
              <c16:uniqueId val="{00000000-F1FC-4E18-9E05-F2D0A7B34DF7}"/>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8499999999999996</c:v>
                </c:pt>
                <c:pt idx="1">
                  <c:v>4.95</c:v>
                </c:pt>
                <c:pt idx="2">
                  <c:v>5.64</c:v>
                </c:pt>
                <c:pt idx="3">
                  <c:v>6.43</c:v>
                </c:pt>
                <c:pt idx="4">
                  <c:v>7.75</c:v>
                </c:pt>
              </c:numCache>
            </c:numRef>
          </c:val>
          <c:smooth val="0"/>
          <c:extLst>
            <c:ext xmlns:c16="http://schemas.microsoft.com/office/drawing/2014/chart" uri="{C3380CC4-5D6E-409C-BE32-E72D297353CC}">
              <c16:uniqueId val="{00000001-F1FC-4E18-9E05-F2D0A7B34DF7}"/>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formatCode="#,##0.00;&quot;△&quot;#,##0.00;&quot;-&quot;">
                  <c:v>5</c:v>
                </c:pt>
                <c:pt idx="4" formatCode="#,##0.00;&quot;△&quot;#,##0.00;&quot;-&quot;">
                  <c:v>6.56</c:v>
                </c:pt>
              </c:numCache>
            </c:numRef>
          </c:val>
          <c:extLst>
            <c:ext xmlns:c16="http://schemas.microsoft.com/office/drawing/2014/chart" uri="{C3380CC4-5D6E-409C-BE32-E72D297353CC}">
              <c16:uniqueId val="{00000000-E6FD-47AD-B69F-827EEA1A2E39}"/>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9.1999999999999993</c:v>
                </c:pt>
                <c:pt idx="1">
                  <c:v>7.69</c:v>
                </c:pt>
                <c:pt idx="2">
                  <c:v>5.95</c:v>
                </c:pt>
                <c:pt idx="3">
                  <c:v>5.27</c:v>
                </c:pt>
                <c:pt idx="4">
                  <c:v>4.83</c:v>
                </c:pt>
              </c:numCache>
            </c:numRef>
          </c:val>
          <c:smooth val="0"/>
          <c:extLst>
            <c:ext xmlns:c16="http://schemas.microsoft.com/office/drawing/2014/chart" uri="{C3380CC4-5D6E-409C-BE32-E72D297353CC}">
              <c16:uniqueId val="{00000001-E6FD-47AD-B69F-827EEA1A2E39}"/>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59.06</c:v>
                </c:pt>
                <c:pt idx="1">
                  <c:v>70.099999999999994</c:v>
                </c:pt>
                <c:pt idx="2">
                  <c:v>82.84</c:v>
                </c:pt>
                <c:pt idx="3">
                  <c:v>79.010000000000005</c:v>
                </c:pt>
                <c:pt idx="4">
                  <c:v>83.14</c:v>
                </c:pt>
              </c:numCache>
            </c:numRef>
          </c:val>
          <c:extLst>
            <c:ext xmlns:c16="http://schemas.microsoft.com/office/drawing/2014/chart" uri="{C3380CC4-5D6E-409C-BE32-E72D297353CC}">
              <c16:uniqueId val="{00000000-9DAE-42EA-A5DE-CB1C2E49E24B}"/>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2.22</c:v>
                </c:pt>
                <c:pt idx="1">
                  <c:v>73.02</c:v>
                </c:pt>
                <c:pt idx="2">
                  <c:v>72.930000000000007</c:v>
                </c:pt>
                <c:pt idx="3">
                  <c:v>80.08</c:v>
                </c:pt>
                <c:pt idx="4">
                  <c:v>87.33</c:v>
                </c:pt>
              </c:numCache>
            </c:numRef>
          </c:val>
          <c:smooth val="0"/>
          <c:extLst>
            <c:ext xmlns:c16="http://schemas.microsoft.com/office/drawing/2014/chart" uri="{C3380CC4-5D6E-409C-BE32-E72D297353CC}">
              <c16:uniqueId val="{00000001-9DAE-42EA-A5DE-CB1C2E49E24B}"/>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514.82000000000005</c:v>
                </c:pt>
                <c:pt idx="1">
                  <c:v>463.77</c:v>
                </c:pt>
                <c:pt idx="2">
                  <c:v>476.68</c:v>
                </c:pt>
                <c:pt idx="3">
                  <c:v>454.49</c:v>
                </c:pt>
                <c:pt idx="4">
                  <c:v>444.26</c:v>
                </c:pt>
              </c:numCache>
            </c:numRef>
          </c:val>
          <c:extLst>
            <c:ext xmlns:c16="http://schemas.microsoft.com/office/drawing/2014/chart" uri="{C3380CC4-5D6E-409C-BE32-E72D297353CC}">
              <c16:uniqueId val="{00000000-29AE-4489-B885-8A1D11958C99}"/>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30.93</c:v>
                </c:pt>
                <c:pt idx="1">
                  <c:v>708.89</c:v>
                </c:pt>
                <c:pt idx="2">
                  <c:v>730.52</c:v>
                </c:pt>
                <c:pt idx="3">
                  <c:v>672.33</c:v>
                </c:pt>
                <c:pt idx="4">
                  <c:v>668.8</c:v>
                </c:pt>
              </c:numCache>
            </c:numRef>
          </c:val>
          <c:smooth val="0"/>
          <c:extLst>
            <c:ext xmlns:c16="http://schemas.microsoft.com/office/drawing/2014/chart" uri="{C3380CC4-5D6E-409C-BE32-E72D297353CC}">
              <c16:uniqueId val="{00000001-29AE-4489-B885-8A1D11958C99}"/>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96.37</c:v>
                </c:pt>
                <c:pt idx="1">
                  <c:v>97</c:v>
                </c:pt>
                <c:pt idx="2">
                  <c:v>95.51</c:v>
                </c:pt>
                <c:pt idx="3">
                  <c:v>85.39</c:v>
                </c:pt>
                <c:pt idx="4">
                  <c:v>95.65</c:v>
                </c:pt>
              </c:numCache>
            </c:numRef>
          </c:val>
          <c:extLst>
            <c:ext xmlns:c16="http://schemas.microsoft.com/office/drawing/2014/chart" uri="{C3380CC4-5D6E-409C-BE32-E72D297353CC}">
              <c16:uniqueId val="{00000000-37EC-44F3-85CF-C176E745DDE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8.09</c:v>
                </c:pt>
                <c:pt idx="1">
                  <c:v>97.91</c:v>
                </c:pt>
                <c:pt idx="2">
                  <c:v>98.61</c:v>
                </c:pt>
                <c:pt idx="3">
                  <c:v>98.75</c:v>
                </c:pt>
                <c:pt idx="4">
                  <c:v>98.36</c:v>
                </c:pt>
              </c:numCache>
            </c:numRef>
          </c:val>
          <c:smooth val="0"/>
          <c:extLst>
            <c:ext xmlns:c16="http://schemas.microsoft.com/office/drawing/2014/chart" uri="{C3380CC4-5D6E-409C-BE32-E72D297353CC}">
              <c16:uniqueId val="{00000001-37EC-44F3-85CF-C176E745DDE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75.03</c:v>
                </c:pt>
                <c:pt idx="1">
                  <c:v>173.73</c:v>
                </c:pt>
                <c:pt idx="2">
                  <c:v>174.23</c:v>
                </c:pt>
                <c:pt idx="3">
                  <c:v>195.61</c:v>
                </c:pt>
                <c:pt idx="4">
                  <c:v>173.56</c:v>
                </c:pt>
              </c:numCache>
            </c:numRef>
          </c:val>
          <c:extLst>
            <c:ext xmlns:c16="http://schemas.microsoft.com/office/drawing/2014/chart" uri="{C3380CC4-5D6E-409C-BE32-E72D297353CC}">
              <c16:uniqueId val="{00000000-09D6-4AB0-976F-8597A60E97B1}"/>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6.08000000000001</c:v>
                </c:pt>
                <c:pt idx="1">
                  <c:v>144.11000000000001</c:v>
                </c:pt>
                <c:pt idx="2">
                  <c:v>141.24</c:v>
                </c:pt>
                <c:pt idx="3">
                  <c:v>142.03</c:v>
                </c:pt>
                <c:pt idx="4">
                  <c:v>142.11000000000001</c:v>
                </c:pt>
              </c:numCache>
            </c:numRef>
          </c:val>
          <c:smooth val="0"/>
          <c:extLst>
            <c:ext xmlns:c16="http://schemas.microsoft.com/office/drawing/2014/chart" uri="{C3380CC4-5D6E-409C-BE32-E72D297353CC}">
              <c16:uniqueId val="{00000001-09D6-4AB0-976F-8597A60E97B1}"/>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0" zoomScale="80" zoomScaleNormal="80"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小田原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7" t="s">
        <v>1</v>
      </c>
      <c r="C7" s="57"/>
      <c r="D7" s="57"/>
      <c r="E7" s="57"/>
      <c r="F7" s="57"/>
      <c r="G7" s="57"/>
      <c r="H7" s="57"/>
      <c r="I7" s="57" t="s">
        <v>2</v>
      </c>
      <c r="J7" s="57"/>
      <c r="K7" s="57"/>
      <c r="L7" s="57"/>
      <c r="M7" s="57"/>
      <c r="N7" s="57"/>
      <c r="O7" s="57"/>
      <c r="P7" s="57" t="s">
        <v>3</v>
      </c>
      <c r="Q7" s="57"/>
      <c r="R7" s="57"/>
      <c r="S7" s="57"/>
      <c r="T7" s="57"/>
      <c r="U7" s="57"/>
      <c r="V7" s="57"/>
      <c r="W7" s="57" t="s">
        <v>4</v>
      </c>
      <c r="X7" s="57"/>
      <c r="Y7" s="57"/>
      <c r="Z7" s="57"/>
      <c r="AA7" s="57"/>
      <c r="AB7" s="57"/>
      <c r="AC7" s="57"/>
      <c r="AD7" s="57" t="s">
        <v>5</v>
      </c>
      <c r="AE7" s="57"/>
      <c r="AF7" s="57"/>
      <c r="AG7" s="57"/>
      <c r="AH7" s="57"/>
      <c r="AI7" s="57"/>
      <c r="AJ7" s="57"/>
      <c r="AK7" s="3"/>
      <c r="AL7" s="57" t="s">
        <v>6</v>
      </c>
      <c r="AM7" s="57"/>
      <c r="AN7" s="57"/>
      <c r="AO7" s="57"/>
      <c r="AP7" s="57"/>
      <c r="AQ7" s="57"/>
      <c r="AR7" s="57"/>
      <c r="AS7" s="57"/>
      <c r="AT7" s="57" t="s">
        <v>7</v>
      </c>
      <c r="AU7" s="57"/>
      <c r="AV7" s="57"/>
      <c r="AW7" s="57"/>
      <c r="AX7" s="57"/>
      <c r="AY7" s="57"/>
      <c r="AZ7" s="57"/>
      <c r="BA7" s="57"/>
      <c r="BB7" s="57" t="s">
        <v>8</v>
      </c>
      <c r="BC7" s="57"/>
      <c r="BD7" s="57"/>
      <c r="BE7" s="57"/>
      <c r="BF7" s="57"/>
      <c r="BG7" s="57"/>
      <c r="BH7" s="57"/>
      <c r="BI7" s="57"/>
      <c r="BJ7" s="3"/>
      <c r="BK7" s="3"/>
      <c r="BL7" s="75" t="s">
        <v>9</v>
      </c>
      <c r="BM7" s="76"/>
      <c r="BN7" s="76"/>
      <c r="BO7" s="76"/>
      <c r="BP7" s="76"/>
      <c r="BQ7" s="76"/>
      <c r="BR7" s="76"/>
      <c r="BS7" s="76"/>
      <c r="BT7" s="76"/>
      <c r="BU7" s="76"/>
      <c r="BV7" s="76"/>
      <c r="BW7" s="76"/>
      <c r="BX7" s="76"/>
      <c r="BY7" s="77"/>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c1</v>
      </c>
      <c r="X8" s="71"/>
      <c r="Y8" s="71"/>
      <c r="Z8" s="71"/>
      <c r="AA8" s="71"/>
      <c r="AB8" s="71"/>
      <c r="AC8" s="71"/>
      <c r="AD8" s="72" t="str">
        <f>データ!$M$6</f>
        <v>非設置</v>
      </c>
      <c r="AE8" s="72"/>
      <c r="AF8" s="72"/>
      <c r="AG8" s="72"/>
      <c r="AH8" s="72"/>
      <c r="AI8" s="72"/>
      <c r="AJ8" s="72"/>
      <c r="AK8" s="3"/>
      <c r="AL8" s="51">
        <f>データ!S6</f>
        <v>187880</v>
      </c>
      <c r="AM8" s="51"/>
      <c r="AN8" s="51"/>
      <c r="AO8" s="51"/>
      <c r="AP8" s="51"/>
      <c r="AQ8" s="51"/>
      <c r="AR8" s="51"/>
      <c r="AS8" s="51"/>
      <c r="AT8" s="52">
        <f>データ!T6</f>
        <v>113.6</v>
      </c>
      <c r="AU8" s="52"/>
      <c r="AV8" s="52"/>
      <c r="AW8" s="52"/>
      <c r="AX8" s="52"/>
      <c r="AY8" s="52"/>
      <c r="AZ8" s="52"/>
      <c r="BA8" s="52"/>
      <c r="BB8" s="52">
        <f>データ!U6</f>
        <v>1653.87</v>
      </c>
      <c r="BC8" s="52"/>
      <c r="BD8" s="52"/>
      <c r="BE8" s="52"/>
      <c r="BF8" s="52"/>
      <c r="BG8" s="52"/>
      <c r="BH8" s="52"/>
      <c r="BI8" s="52"/>
      <c r="BJ8" s="3"/>
      <c r="BK8" s="3"/>
      <c r="BL8" s="67" t="s">
        <v>10</v>
      </c>
      <c r="BM8" s="68"/>
      <c r="BN8" s="69" t="s">
        <v>11</v>
      </c>
      <c r="BO8" s="69"/>
      <c r="BP8" s="69"/>
      <c r="BQ8" s="69"/>
      <c r="BR8" s="69"/>
      <c r="BS8" s="69"/>
      <c r="BT8" s="69"/>
      <c r="BU8" s="69"/>
      <c r="BV8" s="69"/>
      <c r="BW8" s="69"/>
      <c r="BX8" s="69"/>
      <c r="BY8" s="70"/>
    </row>
    <row r="9" spans="1:78" ht="18.75" customHeight="1" x14ac:dyDescent="0.2">
      <c r="A9" s="2"/>
      <c r="B9" s="57" t="s">
        <v>12</v>
      </c>
      <c r="C9" s="57"/>
      <c r="D9" s="57"/>
      <c r="E9" s="57"/>
      <c r="F9" s="57"/>
      <c r="G9" s="57"/>
      <c r="H9" s="57"/>
      <c r="I9" s="57" t="s">
        <v>13</v>
      </c>
      <c r="J9" s="57"/>
      <c r="K9" s="57"/>
      <c r="L9" s="57"/>
      <c r="M9" s="57"/>
      <c r="N9" s="57"/>
      <c r="O9" s="57"/>
      <c r="P9" s="57" t="s">
        <v>14</v>
      </c>
      <c r="Q9" s="57"/>
      <c r="R9" s="57"/>
      <c r="S9" s="57"/>
      <c r="T9" s="57"/>
      <c r="U9" s="57"/>
      <c r="V9" s="57"/>
      <c r="W9" s="57" t="s">
        <v>15</v>
      </c>
      <c r="X9" s="57"/>
      <c r="Y9" s="57"/>
      <c r="Z9" s="57"/>
      <c r="AA9" s="57"/>
      <c r="AB9" s="57"/>
      <c r="AC9" s="57"/>
      <c r="AD9" s="57" t="s">
        <v>16</v>
      </c>
      <c r="AE9" s="57"/>
      <c r="AF9" s="57"/>
      <c r="AG9" s="57"/>
      <c r="AH9" s="57"/>
      <c r="AI9" s="57"/>
      <c r="AJ9" s="57"/>
      <c r="AK9" s="3"/>
      <c r="AL9" s="57" t="s">
        <v>17</v>
      </c>
      <c r="AM9" s="57"/>
      <c r="AN9" s="57"/>
      <c r="AO9" s="57"/>
      <c r="AP9" s="57"/>
      <c r="AQ9" s="57"/>
      <c r="AR9" s="57"/>
      <c r="AS9" s="57"/>
      <c r="AT9" s="57" t="s">
        <v>18</v>
      </c>
      <c r="AU9" s="57"/>
      <c r="AV9" s="57"/>
      <c r="AW9" s="57"/>
      <c r="AX9" s="57"/>
      <c r="AY9" s="57"/>
      <c r="AZ9" s="57"/>
      <c r="BA9" s="57"/>
      <c r="BB9" s="57" t="s">
        <v>19</v>
      </c>
      <c r="BC9" s="57"/>
      <c r="BD9" s="57"/>
      <c r="BE9" s="57"/>
      <c r="BF9" s="57"/>
      <c r="BG9" s="57"/>
      <c r="BH9" s="57"/>
      <c r="BI9" s="57"/>
      <c r="BJ9" s="3"/>
      <c r="BK9" s="3"/>
      <c r="BL9" s="58" t="s">
        <v>20</v>
      </c>
      <c r="BM9" s="59"/>
      <c r="BN9" s="60" t="s">
        <v>21</v>
      </c>
      <c r="BO9" s="60"/>
      <c r="BP9" s="60"/>
      <c r="BQ9" s="60"/>
      <c r="BR9" s="60"/>
      <c r="BS9" s="60"/>
      <c r="BT9" s="60"/>
      <c r="BU9" s="60"/>
      <c r="BV9" s="60"/>
      <c r="BW9" s="60"/>
      <c r="BX9" s="60"/>
      <c r="BY9" s="61"/>
    </row>
    <row r="10" spans="1:78" ht="18.75" customHeight="1" x14ac:dyDescent="0.2">
      <c r="A10" s="2"/>
      <c r="B10" s="52" t="str">
        <f>データ!N6</f>
        <v>-</v>
      </c>
      <c r="C10" s="52"/>
      <c r="D10" s="52"/>
      <c r="E10" s="52"/>
      <c r="F10" s="52"/>
      <c r="G10" s="52"/>
      <c r="H10" s="52"/>
      <c r="I10" s="52">
        <f>データ!O6</f>
        <v>57.16</v>
      </c>
      <c r="J10" s="52"/>
      <c r="K10" s="52"/>
      <c r="L10" s="52"/>
      <c r="M10" s="52"/>
      <c r="N10" s="52"/>
      <c r="O10" s="52"/>
      <c r="P10" s="52">
        <f>データ!P6</f>
        <v>83.46</v>
      </c>
      <c r="Q10" s="52"/>
      <c r="R10" s="52"/>
      <c r="S10" s="52"/>
      <c r="T10" s="52"/>
      <c r="U10" s="52"/>
      <c r="V10" s="52"/>
      <c r="W10" s="52">
        <f>データ!Q6</f>
        <v>71.45</v>
      </c>
      <c r="X10" s="52"/>
      <c r="Y10" s="52"/>
      <c r="Z10" s="52"/>
      <c r="AA10" s="52"/>
      <c r="AB10" s="52"/>
      <c r="AC10" s="52"/>
      <c r="AD10" s="51">
        <f>データ!R6</f>
        <v>2636</v>
      </c>
      <c r="AE10" s="51"/>
      <c r="AF10" s="51"/>
      <c r="AG10" s="51"/>
      <c r="AH10" s="51"/>
      <c r="AI10" s="51"/>
      <c r="AJ10" s="51"/>
      <c r="AK10" s="2"/>
      <c r="AL10" s="51">
        <f>データ!V6</f>
        <v>156500</v>
      </c>
      <c r="AM10" s="51"/>
      <c r="AN10" s="51"/>
      <c r="AO10" s="51"/>
      <c r="AP10" s="51"/>
      <c r="AQ10" s="51"/>
      <c r="AR10" s="51"/>
      <c r="AS10" s="51"/>
      <c r="AT10" s="52">
        <f>データ!W6</f>
        <v>25.64</v>
      </c>
      <c r="AU10" s="52"/>
      <c r="AV10" s="52"/>
      <c r="AW10" s="52"/>
      <c r="AX10" s="52"/>
      <c r="AY10" s="52"/>
      <c r="AZ10" s="52"/>
      <c r="BA10" s="52"/>
      <c r="BB10" s="52">
        <f>データ!X6</f>
        <v>6103.74</v>
      </c>
      <c r="BC10" s="52"/>
      <c r="BD10" s="52"/>
      <c r="BE10" s="52"/>
      <c r="BF10" s="52"/>
      <c r="BG10" s="52"/>
      <c r="BH10" s="52"/>
      <c r="BI10" s="52"/>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2" t="s">
        <v>24</v>
      </c>
      <c r="BM11" s="62"/>
      <c r="BN11" s="62"/>
      <c r="BO11" s="62"/>
      <c r="BP11" s="62"/>
      <c r="BQ11" s="62"/>
      <c r="BR11" s="62"/>
      <c r="BS11" s="62"/>
      <c r="BT11" s="62"/>
      <c r="BU11" s="62"/>
      <c r="BV11" s="62"/>
      <c r="BW11" s="62"/>
      <c r="BX11" s="62"/>
      <c r="BY11" s="62"/>
      <c r="BZ11" s="62"/>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2"/>
      <c r="BM12" s="62"/>
      <c r="BN12" s="62"/>
      <c r="BO12" s="62"/>
      <c r="BP12" s="62"/>
      <c r="BQ12" s="62"/>
      <c r="BR12" s="62"/>
      <c r="BS12" s="62"/>
      <c r="BT12" s="62"/>
      <c r="BU12" s="62"/>
      <c r="BV12" s="62"/>
      <c r="BW12" s="62"/>
      <c r="BX12" s="62"/>
      <c r="BY12" s="62"/>
      <c r="BZ12" s="62"/>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3"/>
      <c r="BM13" s="63"/>
      <c r="BN13" s="63"/>
      <c r="BO13" s="63"/>
      <c r="BP13" s="63"/>
      <c r="BQ13" s="63"/>
      <c r="BR13" s="63"/>
      <c r="BS13" s="63"/>
      <c r="BT13" s="63"/>
      <c r="BU13" s="63"/>
      <c r="BV13" s="63"/>
      <c r="BW13" s="63"/>
      <c r="BX13" s="63"/>
      <c r="BY13" s="63"/>
      <c r="BZ13" s="63"/>
    </row>
    <row r="14" spans="1:78" ht="13.5" customHeight="1" x14ac:dyDescent="0.2">
      <c r="A14" s="2"/>
      <c r="B14" s="64" t="s">
        <v>25</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5"/>
      <c r="AM14" s="65"/>
      <c r="AN14" s="65"/>
      <c r="AO14" s="65"/>
      <c r="AP14" s="65"/>
      <c r="AQ14" s="65"/>
      <c r="AR14" s="65"/>
      <c r="AS14" s="65"/>
      <c r="AT14" s="65"/>
      <c r="AU14" s="65"/>
      <c r="AV14" s="65"/>
      <c r="AW14" s="65"/>
      <c r="AX14" s="65"/>
      <c r="AY14" s="65"/>
      <c r="AZ14" s="65"/>
      <c r="BA14" s="65"/>
      <c r="BB14" s="65"/>
      <c r="BC14" s="65"/>
      <c r="BD14" s="65"/>
      <c r="BE14" s="65"/>
      <c r="BF14" s="65"/>
      <c r="BG14" s="65"/>
      <c r="BH14" s="65"/>
      <c r="BI14" s="65"/>
      <c r="BJ14" s="66"/>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5</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44" t="s">
        <v>113</v>
      </c>
      <c r="BM66" s="45"/>
      <c r="BN66" s="45"/>
      <c r="BO66" s="45"/>
      <c r="BP66" s="45"/>
      <c r="BQ66" s="45"/>
      <c r="BR66" s="45"/>
      <c r="BS66" s="45"/>
      <c r="BT66" s="45"/>
      <c r="BU66" s="45"/>
      <c r="BV66" s="45"/>
      <c r="BW66" s="45"/>
      <c r="BX66" s="45"/>
      <c r="BY66" s="45"/>
      <c r="BZ66" s="46"/>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44"/>
      <c r="BM67" s="45"/>
      <c r="BN67" s="45"/>
      <c r="BO67" s="45"/>
      <c r="BP67" s="45"/>
      <c r="BQ67" s="45"/>
      <c r="BR67" s="45"/>
      <c r="BS67" s="45"/>
      <c r="BT67" s="45"/>
      <c r="BU67" s="45"/>
      <c r="BV67" s="45"/>
      <c r="BW67" s="45"/>
      <c r="BX67" s="45"/>
      <c r="BY67" s="45"/>
      <c r="BZ67" s="46"/>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44"/>
      <c r="BM68" s="45"/>
      <c r="BN68" s="45"/>
      <c r="BO68" s="45"/>
      <c r="BP68" s="45"/>
      <c r="BQ68" s="45"/>
      <c r="BR68" s="45"/>
      <c r="BS68" s="45"/>
      <c r="BT68" s="45"/>
      <c r="BU68" s="45"/>
      <c r="BV68" s="45"/>
      <c r="BW68" s="45"/>
      <c r="BX68" s="45"/>
      <c r="BY68" s="45"/>
      <c r="BZ68" s="46"/>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44"/>
      <c r="BM69" s="45"/>
      <c r="BN69" s="45"/>
      <c r="BO69" s="45"/>
      <c r="BP69" s="45"/>
      <c r="BQ69" s="45"/>
      <c r="BR69" s="45"/>
      <c r="BS69" s="45"/>
      <c r="BT69" s="45"/>
      <c r="BU69" s="45"/>
      <c r="BV69" s="45"/>
      <c r="BW69" s="45"/>
      <c r="BX69" s="45"/>
      <c r="BY69" s="45"/>
      <c r="BZ69" s="46"/>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44"/>
      <c r="BM70" s="45"/>
      <c r="BN70" s="45"/>
      <c r="BO70" s="45"/>
      <c r="BP70" s="45"/>
      <c r="BQ70" s="45"/>
      <c r="BR70" s="45"/>
      <c r="BS70" s="45"/>
      <c r="BT70" s="45"/>
      <c r="BU70" s="45"/>
      <c r="BV70" s="45"/>
      <c r="BW70" s="45"/>
      <c r="BX70" s="45"/>
      <c r="BY70" s="45"/>
      <c r="BZ70" s="46"/>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44"/>
      <c r="BM71" s="45"/>
      <c r="BN71" s="45"/>
      <c r="BO71" s="45"/>
      <c r="BP71" s="45"/>
      <c r="BQ71" s="45"/>
      <c r="BR71" s="45"/>
      <c r="BS71" s="45"/>
      <c r="BT71" s="45"/>
      <c r="BU71" s="45"/>
      <c r="BV71" s="45"/>
      <c r="BW71" s="45"/>
      <c r="BX71" s="45"/>
      <c r="BY71" s="45"/>
      <c r="BZ71" s="46"/>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44"/>
      <c r="BM72" s="45"/>
      <c r="BN72" s="45"/>
      <c r="BO72" s="45"/>
      <c r="BP72" s="45"/>
      <c r="BQ72" s="45"/>
      <c r="BR72" s="45"/>
      <c r="BS72" s="45"/>
      <c r="BT72" s="45"/>
      <c r="BU72" s="45"/>
      <c r="BV72" s="45"/>
      <c r="BW72" s="45"/>
      <c r="BX72" s="45"/>
      <c r="BY72" s="45"/>
      <c r="BZ72" s="46"/>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44"/>
      <c r="BM73" s="45"/>
      <c r="BN73" s="45"/>
      <c r="BO73" s="45"/>
      <c r="BP73" s="45"/>
      <c r="BQ73" s="45"/>
      <c r="BR73" s="45"/>
      <c r="BS73" s="45"/>
      <c r="BT73" s="45"/>
      <c r="BU73" s="45"/>
      <c r="BV73" s="45"/>
      <c r="BW73" s="45"/>
      <c r="BX73" s="45"/>
      <c r="BY73" s="45"/>
      <c r="BZ73" s="46"/>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44"/>
      <c r="BM74" s="45"/>
      <c r="BN74" s="45"/>
      <c r="BO74" s="45"/>
      <c r="BP74" s="45"/>
      <c r="BQ74" s="45"/>
      <c r="BR74" s="45"/>
      <c r="BS74" s="45"/>
      <c r="BT74" s="45"/>
      <c r="BU74" s="45"/>
      <c r="BV74" s="45"/>
      <c r="BW74" s="45"/>
      <c r="BX74" s="45"/>
      <c r="BY74" s="45"/>
      <c r="BZ74" s="46"/>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44"/>
      <c r="BM75" s="45"/>
      <c r="BN75" s="45"/>
      <c r="BO75" s="45"/>
      <c r="BP75" s="45"/>
      <c r="BQ75" s="45"/>
      <c r="BR75" s="45"/>
      <c r="BS75" s="45"/>
      <c r="BT75" s="45"/>
      <c r="BU75" s="45"/>
      <c r="BV75" s="45"/>
      <c r="BW75" s="45"/>
      <c r="BX75" s="45"/>
      <c r="BY75" s="45"/>
      <c r="BZ75" s="46"/>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44"/>
      <c r="BM76" s="45"/>
      <c r="BN76" s="45"/>
      <c r="BO76" s="45"/>
      <c r="BP76" s="45"/>
      <c r="BQ76" s="45"/>
      <c r="BR76" s="45"/>
      <c r="BS76" s="45"/>
      <c r="BT76" s="45"/>
      <c r="BU76" s="45"/>
      <c r="BV76" s="45"/>
      <c r="BW76" s="45"/>
      <c r="BX76" s="45"/>
      <c r="BY76" s="45"/>
      <c r="BZ76" s="46"/>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44"/>
      <c r="BM77" s="45"/>
      <c r="BN77" s="45"/>
      <c r="BO77" s="45"/>
      <c r="BP77" s="45"/>
      <c r="BQ77" s="45"/>
      <c r="BR77" s="45"/>
      <c r="BS77" s="45"/>
      <c r="BT77" s="45"/>
      <c r="BU77" s="45"/>
      <c r="BV77" s="45"/>
      <c r="BW77" s="45"/>
      <c r="BX77" s="45"/>
      <c r="BY77" s="45"/>
      <c r="BZ77" s="46"/>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44"/>
      <c r="BM78" s="45"/>
      <c r="BN78" s="45"/>
      <c r="BO78" s="45"/>
      <c r="BP78" s="45"/>
      <c r="BQ78" s="45"/>
      <c r="BR78" s="45"/>
      <c r="BS78" s="45"/>
      <c r="BT78" s="45"/>
      <c r="BU78" s="45"/>
      <c r="BV78" s="45"/>
      <c r="BW78" s="45"/>
      <c r="BX78" s="45"/>
      <c r="BY78" s="45"/>
      <c r="BZ78" s="46"/>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44"/>
      <c r="BM79" s="45"/>
      <c r="BN79" s="45"/>
      <c r="BO79" s="45"/>
      <c r="BP79" s="45"/>
      <c r="BQ79" s="45"/>
      <c r="BR79" s="45"/>
      <c r="BS79" s="45"/>
      <c r="BT79" s="45"/>
      <c r="BU79" s="45"/>
      <c r="BV79" s="45"/>
      <c r="BW79" s="45"/>
      <c r="BX79" s="45"/>
      <c r="BY79" s="45"/>
      <c r="BZ79" s="46"/>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44"/>
      <c r="BM80" s="45"/>
      <c r="BN80" s="45"/>
      <c r="BO80" s="45"/>
      <c r="BP80" s="45"/>
      <c r="BQ80" s="45"/>
      <c r="BR80" s="45"/>
      <c r="BS80" s="45"/>
      <c r="BT80" s="45"/>
      <c r="BU80" s="45"/>
      <c r="BV80" s="45"/>
      <c r="BW80" s="45"/>
      <c r="BX80" s="45"/>
      <c r="BY80" s="45"/>
      <c r="BZ80" s="46"/>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44"/>
      <c r="BM81" s="45"/>
      <c r="BN81" s="45"/>
      <c r="BO81" s="45"/>
      <c r="BP81" s="45"/>
      <c r="BQ81" s="45"/>
      <c r="BR81" s="45"/>
      <c r="BS81" s="45"/>
      <c r="BT81" s="45"/>
      <c r="BU81" s="45"/>
      <c r="BV81" s="45"/>
      <c r="BW81" s="45"/>
      <c r="BX81" s="45"/>
      <c r="BY81" s="45"/>
      <c r="BZ81" s="46"/>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47"/>
      <c r="BM82" s="48"/>
      <c r="BN82" s="48"/>
      <c r="BO82" s="48"/>
      <c r="BP82" s="48"/>
      <c r="BQ82" s="48"/>
      <c r="BR82" s="48"/>
      <c r="BS82" s="48"/>
      <c r="BT82" s="48"/>
      <c r="BU82" s="48"/>
      <c r="BV82" s="48"/>
      <c r="BW82" s="48"/>
      <c r="BX82" s="48"/>
      <c r="BY82" s="48"/>
      <c r="BZ82" s="49"/>
    </row>
    <row r="83" spans="1:78" x14ac:dyDescent="0.2">
      <c r="C83" s="50" t="s">
        <v>30</v>
      </c>
      <c r="D83" s="50"/>
      <c r="E83" s="50"/>
      <c r="F83" s="50"/>
      <c r="G83" s="50"/>
      <c r="H83" s="50"/>
      <c r="I83" s="50"/>
      <c r="J83" s="50"/>
      <c r="K83" s="50"/>
      <c r="L83" s="50"/>
      <c r="M83" s="50"/>
      <c r="N83" s="50"/>
      <c r="O83" s="50"/>
      <c r="P83" s="50"/>
      <c r="Q83" s="50"/>
      <c r="R83" s="50"/>
      <c r="S83" s="50"/>
      <c r="T83" s="50"/>
      <c r="U83" s="50"/>
      <c r="V83" s="50"/>
      <c r="W83" s="50"/>
      <c r="X83" s="50"/>
      <c r="Y83" s="50"/>
      <c r="Z83" s="50"/>
      <c r="AA83" s="50"/>
      <c r="AB83" s="50"/>
      <c r="AC83" s="50"/>
      <c r="AD83" s="50"/>
      <c r="AE83" s="50"/>
      <c r="AF83" s="50"/>
      <c r="AG83" s="50"/>
      <c r="AH83" s="50"/>
      <c r="AI83" s="50"/>
      <c r="AJ83" s="50"/>
      <c r="AK83" s="50"/>
      <c r="AL83" s="50"/>
      <c r="AM83" s="50"/>
      <c r="AN83" s="50"/>
      <c r="AO83" s="50"/>
      <c r="AP83" s="50"/>
      <c r="AQ83" s="50"/>
      <c r="AR83" s="50"/>
      <c r="AS83" s="50"/>
      <c r="AT83" s="50"/>
      <c r="AU83" s="50"/>
      <c r="AV83" s="50"/>
      <c r="AW83" s="50"/>
      <c r="AX83" s="50"/>
      <c r="AY83" s="50"/>
      <c r="AZ83" s="50"/>
      <c r="BA83" s="50"/>
      <c r="BB83" s="50"/>
      <c r="BC83" s="50"/>
      <c r="BD83" s="50"/>
      <c r="BE83" s="50"/>
      <c r="BF83" s="50"/>
      <c r="BG83" s="50"/>
      <c r="BH83" s="50"/>
      <c r="BI83" s="50"/>
      <c r="BJ83" s="50"/>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THYJ4QgEZJOS143xrtYAhW7feLftK4NeMZ6LAbqq77HBfZz0CPcK1OMXX8/Sb9VvIRnUPaPndJAd5qgN9Um6HA==" saltValue="yWICxB/mTO5MbJLzyaNpyg=="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9" t="s">
        <v>52</v>
      </c>
      <c r="I3" s="80"/>
      <c r="J3" s="80"/>
      <c r="K3" s="80"/>
      <c r="L3" s="80"/>
      <c r="M3" s="80"/>
      <c r="N3" s="80"/>
      <c r="O3" s="80"/>
      <c r="P3" s="80"/>
      <c r="Q3" s="80"/>
      <c r="R3" s="80"/>
      <c r="S3" s="80"/>
      <c r="T3" s="80"/>
      <c r="U3" s="80"/>
      <c r="V3" s="80"/>
      <c r="W3" s="80"/>
      <c r="X3" s="81"/>
      <c r="Y3" s="85" t="s">
        <v>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55</v>
      </c>
      <c r="B4" s="16"/>
      <c r="C4" s="16"/>
      <c r="D4" s="16"/>
      <c r="E4" s="16"/>
      <c r="F4" s="16"/>
      <c r="G4" s="16"/>
      <c r="H4" s="82"/>
      <c r="I4" s="83"/>
      <c r="J4" s="83"/>
      <c r="K4" s="83"/>
      <c r="L4" s="83"/>
      <c r="M4" s="83"/>
      <c r="N4" s="83"/>
      <c r="O4" s="83"/>
      <c r="P4" s="83"/>
      <c r="Q4" s="83"/>
      <c r="R4" s="83"/>
      <c r="S4" s="83"/>
      <c r="T4" s="83"/>
      <c r="U4" s="83"/>
      <c r="V4" s="83"/>
      <c r="W4" s="83"/>
      <c r="X4" s="84"/>
      <c r="Y4" s="78" t="s">
        <v>56</v>
      </c>
      <c r="Z4" s="78"/>
      <c r="AA4" s="78"/>
      <c r="AB4" s="78"/>
      <c r="AC4" s="78"/>
      <c r="AD4" s="78"/>
      <c r="AE4" s="78"/>
      <c r="AF4" s="78"/>
      <c r="AG4" s="78"/>
      <c r="AH4" s="78"/>
      <c r="AI4" s="78"/>
      <c r="AJ4" s="78" t="s">
        <v>57</v>
      </c>
      <c r="AK4" s="78"/>
      <c r="AL4" s="78"/>
      <c r="AM4" s="78"/>
      <c r="AN4" s="78"/>
      <c r="AO4" s="78"/>
      <c r="AP4" s="78"/>
      <c r="AQ4" s="78"/>
      <c r="AR4" s="78"/>
      <c r="AS4" s="78"/>
      <c r="AT4" s="78"/>
      <c r="AU4" s="78" t="s">
        <v>58</v>
      </c>
      <c r="AV4" s="78"/>
      <c r="AW4" s="78"/>
      <c r="AX4" s="78"/>
      <c r="AY4" s="78"/>
      <c r="AZ4" s="78"/>
      <c r="BA4" s="78"/>
      <c r="BB4" s="78"/>
      <c r="BC4" s="78"/>
      <c r="BD4" s="78"/>
      <c r="BE4" s="78"/>
      <c r="BF4" s="78" t="s">
        <v>59</v>
      </c>
      <c r="BG4" s="78"/>
      <c r="BH4" s="78"/>
      <c r="BI4" s="78"/>
      <c r="BJ4" s="78"/>
      <c r="BK4" s="78"/>
      <c r="BL4" s="78"/>
      <c r="BM4" s="78"/>
      <c r="BN4" s="78"/>
      <c r="BO4" s="78"/>
      <c r="BP4" s="78"/>
      <c r="BQ4" s="78" t="s">
        <v>60</v>
      </c>
      <c r="BR4" s="78"/>
      <c r="BS4" s="78"/>
      <c r="BT4" s="78"/>
      <c r="BU4" s="78"/>
      <c r="BV4" s="78"/>
      <c r="BW4" s="78"/>
      <c r="BX4" s="78"/>
      <c r="BY4" s="78"/>
      <c r="BZ4" s="78"/>
      <c r="CA4" s="78"/>
      <c r="CB4" s="78" t="s">
        <v>61</v>
      </c>
      <c r="CC4" s="78"/>
      <c r="CD4" s="78"/>
      <c r="CE4" s="78"/>
      <c r="CF4" s="78"/>
      <c r="CG4" s="78"/>
      <c r="CH4" s="78"/>
      <c r="CI4" s="78"/>
      <c r="CJ4" s="78"/>
      <c r="CK4" s="78"/>
      <c r="CL4" s="78"/>
      <c r="CM4" s="78" t="s">
        <v>62</v>
      </c>
      <c r="CN4" s="78"/>
      <c r="CO4" s="78"/>
      <c r="CP4" s="78"/>
      <c r="CQ4" s="78"/>
      <c r="CR4" s="78"/>
      <c r="CS4" s="78"/>
      <c r="CT4" s="78"/>
      <c r="CU4" s="78"/>
      <c r="CV4" s="78"/>
      <c r="CW4" s="78"/>
      <c r="CX4" s="78" t="s">
        <v>63</v>
      </c>
      <c r="CY4" s="78"/>
      <c r="CZ4" s="78"/>
      <c r="DA4" s="78"/>
      <c r="DB4" s="78"/>
      <c r="DC4" s="78"/>
      <c r="DD4" s="78"/>
      <c r="DE4" s="78"/>
      <c r="DF4" s="78"/>
      <c r="DG4" s="78"/>
      <c r="DH4" s="78"/>
      <c r="DI4" s="78" t="s">
        <v>64</v>
      </c>
      <c r="DJ4" s="78"/>
      <c r="DK4" s="78"/>
      <c r="DL4" s="78"/>
      <c r="DM4" s="78"/>
      <c r="DN4" s="78"/>
      <c r="DO4" s="78"/>
      <c r="DP4" s="78"/>
      <c r="DQ4" s="78"/>
      <c r="DR4" s="78"/>
      <c r="DS4" s="78"/>
      <c r="DT4" s="78" t="s">
        <v>65</v>
      </c>
      <c r="DU4" s="78"/>
      <c r="DV4" s="78"/>
      <c r="DW4" s="78"/>
      <c r="DX4" s="78"/>
      <c r="DY4" s="78"/>
      <c r="DZ4" s="78"/>
      <c r="EA4" s="78"/>
      <c r="EB4" s="78"/>
      <c r="EC4" s="78"/>
      <c r="ED4" s="78"/>
      <c r="EE4" s="78" t="s">
        <v>66</v>
      </c>
      <c r="EF4" s="78"/>
      <c r="EG4" s="78"/>
      <c r="EH4" s="78"/>
      <c r="EI4" s="78"/>
      <c r="EJ4" s="78"/>
      <c r="EK4" s="78"/>
      <c r="EL4" s="78"/>
      <c r="EM4" s="78"/>
      <c r="EN4" s="78"/>
      <c r="EO4" s="78"/>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069</v>
      </c>
      <c r="D6" s="19">
        <f t="shared" si="3"/>
        <v>46</v>
      </c>
      <c r="E6" s="19">
        <f t="shared" si="3"/>
        <v>17</v>
      </c>
      <c r="F6" s="19">
        <f t="shared" si="3"/>
        <v>1</v>
      </c>
      <c r="G6" s="19">
        <f t="shared" si="3"/>
        <v>0</v>
      </c>
      <c r="H6" s="19" t="str">
        <f t="shared" si="3"/>
        <v>神奈川県　小田原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57.16</v>
      </c>
      <c r="P6" s="20">
        <f t="shared" si="3"/>
        <v>83.46</v>
      </c>
      <c r="Q6" s="20">
        <f t="shared" si="3"/>
        <v>71.45</v>
      </c>
      <c r="R6" s="20">
        <f t="shared" si="3"/>
        <v>2636</v>
      </c>
      <c r="S6" s="20">
        <f t="shared" si="3"/>
        <v>187880</v>
      </c>
      <c r="T6" s="20">
        <f t="shared" si="3"/>
        <v>113.6</v>
      </c>
      <c r="U6" s="20">
        <f t="shared" si="3"/>
        <v>1653.87</v>
      </c>
      <c r="V6" s="20">
        <f t="shared" si="3"/>
        <v>156500</v>
      </c>
      <c r="W6" s="20">
        <f t="shared" si="3"/>
        <v>25.64</v>
      </c>
      <c r="X6" s="20">
        <f t="shared" si="3"/>
        <v>6103.74</v>
      </c>
      <c r="Y6" s="21">
        <f>IF(Y7="",NA(),Y7)</f>
        <v>104.42</v>
      </c>
      <c r="Z6" s="21">
        <f t="shared" ref="Z6:AH6" si="4">IF(Z7="",NA(),Z7)</f>
        <v>104.22</v>
      </c>
      <c r="AA6" s="21">
        <f t="shared" si="4"/>
        <v>103.4</v>
      </c>
      <c r="AB6" s="21">
        <f t="shared" si="4"/>
        <v>96.92</v>
      </c>
      <c r="AC6" s="21">
        <f t="shared" si="4"/>
        <v>99.22</v>
      </c>
      <c r="AD6" s="21">
        <f t="shared" si="4"/>
        <v>107.64</v>
      </c>
      <c r="AE6" s="21">
        <f t="shared" si="4"/>
        <v>107.03</v>
      </c>
      <c r="AF6" s="21">
        <f t="shared" si="4"/>
        <v>106.55</v>
      </c>
      <c r="AG6" s="21">
        <f t="shared" si="4"/>
        <v>106.01</v>
      </c>
      <c r="AH6" s="21">
        <f t="shared" si="4"/>
        <v>105.5</v>
      </c>
      <c r="AI6" s="20" t="str">
        <f>IF(AI7="","",IF(AI7="-","【-】","【"&amp;SUBSTITUTE(TEXT(AI7,"#,##0.00"),"-","△")&amp;"】"))</f>
        <v>【106.11】</v>
      </c>
      <c r="AJ6" s="20">
        <f>IF(AJ7="",NA(),AJ7)</f>
        <v>0</v>
      </c>
      <c r="AK6" s="20">
        <f t="shared" ref="AK6:AS6" si="5">IF(AK7="",NA(),AK7)</f>
        <v>0</v>
      </c>
      <c r="AL6" s="20">
        <f t="shared" si="5"/>
        <v>0</v>
      </c>
      <c r="AM6" s="21">
        <f t="shared" si="5"/>
        <v>5</v>
      </c>
      <c r="AN6" s="21">
        <f t="shared" si="5"/>
        <v>6.56</v>
      </c>
      <c r="AO6" s="21">
        <f t="shared" si="5"/>
        <v>9.1999999999999993</v>
      </c>
      <c r="AP6" s="21">
        <f t="shared" si="5"/>
        <v>7.69</v>
      </c>
      <c r="AQ6" s="21">
        <f t="shared" si="5"/>
        <v>5.95</v>
      </c>
      <c r="AR6" s="21">
        <f t="shared" si="5"/>
        <v>5.27</v>
      </c>
      <c r="AS6" s="21">
        <f t="shared" si="5"/>
        <v>4.83</v>
      </c>
      <c r="AT6" s="20" t="str">
        <f>IF(AT7="","",IF(AT7="-","【-】","【"&amp;SUBSTITUTE(TEXT(AT7,"#,##0.00"),"-","△")&amp;"】"))</f>
        <v>【3.15】</v>
      </c>
      <c r="AU6" s="21">
        <f>IF(AU7="",NA(),AU7)</f>
        <v>59.06</v>
      </c>
      <c r="AV6" s="21">
        <f t="shared" ref="AV6:BD6" si="6">IF(AV7="",NA(),AV7)</f>
        <v>70.099999999999994</v>
      </c>
      <c r="AW6" s="21">
        <f t="shared" si="6"/>
        <v>82.84</v>
      </c>
      <c r="AX6" s="21">
        <f t="shared" si="6"/>
        <v>79.010000000000005</v>
      </c>
      <c r="AY6" s="21">
        <f t="shared" si="6"/>
        <v>83.14</v>
      </c>
      <c r="AZ6" s="21">
        <f t="shared" si="6"/>
        <v>72.22</v>
      </c>
      <c r="BA6" s="21">
        <f t="shared" si="6"/>
        <v>73.02</v>
      </c>
      <c r="BB6" s="21">
        <f t="shared" si="6"/>
        <v>72.930000000000007</v>
      </c>
      <c r="BC6" s="21">
        <f t="shared" si="6"/>
        <v>80.08</v>
      </c>
      <c r="BD6" s="21">
        <f t="shared" si="6"/>
        <v>87.33</v>
      </c>
      <c r="BE6" s="20" t="str">
        <f>IF(BE7="","",IF(BE7="-","【-】","【"&amp;SUBSTITUTE(TEXT(BE7,"#,##0.00"),"-","△")&amp;"】"))</f>
        <v>【73.44】</v>
      </c>
      <c r="BF6" s="21">
        <f>IF(BF7="",NA(),BF7)</f>
        <v>514.82000000000005</v>
      </c>
      <c r="BG6" s="21">
        <f t="shared" ref="BG6:BO6" si="7">IF(BG7="",NA(),BG7)</f>
        <v>463.77</v>
      </c>
      <c r="BH6" s="21">
        <f t="shared" si="7"/>
        <v>476.68</v>
      </c>
      <c r="BI6" s="21">
        <f t="shared" si="7"/>
        <v>454.49</v>
      </c>
      <c r="BJ6" s="21">
        <f t="shared" si="7"/>
        <v>444.26</v>
      </c>
      <c r="BK6" s="21">
        <f t="shared" si="7"/>
        <v>730.93</v>
      </c>
      <c r="BL6" s="21">
        <f t="shared" si="7"/>
        <v>708.89</v>
      </c>
      <c r="BM6" s="21">
        <f t="shared" si="7"/>
        <v>730.52</v>
      </c>
      <c r="BN6" s="21">
        <f t="shared" si="7"/>
        <v>672.33</v>
      </c>
      <c r="BO6" s="21">
        <f t="shared" si="7"/>
        <v>668.8</v>
      </c>
      <c r="BP6" s="20" t="str">
        <f>IF(BP7="","",IF(BP7="-","【-】","【"&amp;SUBSTITUTE(TEXT(BP7,"#,##0.00"),"-","△")&amp;"】"))</f>
        <v>【652.82】</v>
      </c>
      <c r="BQ6" s="21">
        <f>IF(BQ7="",NA(),BQ7)</f>
        <v>96.37</v>
      </c>
      <c r="BR6" s="21">
        <f t="shared" ref="BR6:BZ6" si="8">IF(BR7="",NA(),BR7)</f>
        <v>97</v>
      </c>
      <c r="BS6" s="21">
        <f t="shared" si="8"/>
        <v>95.51</v>
      </c>
      <c r="BT6" s="21">
        <f t="shared" si="8"/>
        <v>85.39</v>
      </c>
      <c r="BU6" s="21">
        <f t="shared" si="8"/>
        <v>95.65</v>
      </c>
      <c r="BV6" s="21">
        <f t="shared" si="8"/>
        <v>98.09</v>
      </c>
      <c r="BW6" s="21">
        <f t="shared" si="8"/>
        <v>97.91</v>
      </c>
      <c r="BX6" s="21">
        <f t="shared" si="8"/>
        <v>98.61</v>
      </c>
      <c r="BY6" s="21">
        <f t="shared" si="8"/>
        <v>98.75</v>
      </c>
      <c r="BZ6" s="21">
        <f t="shared" si="8"/>
        <v>98.36</v>
      </c>
      <c r="CA6" s="20" t="str">
        <f>IF(CA7="","",IF(CA7="-","【-】","【"&amp;SUBSTITUTE(TEXT(CA7,"#,##0.00"),"-","△")&amp;"】"))</f>
        <v>【97.61】</v>
      </c>
      <c r="CB6" s="21">
        <f>IF(CB7="",NA(),CB7)</f>
        <v>175.03</v>
      </c>
      <c r="CC6" s="21">
        <f t="shared" ref="CC6:CK6" si="9">IF(CC7="",NA(),CC7)</f>
        <v>173.73</v>
      </c>
      <c r="CD6" s="21">
        <f t="shared" si="9"/>
        <v>174.23</v>
      </c>
      <c r="CE6" s="21">
        <f t="shared" si="9"/>
        <v>195.61</v>
      </c>
      <c r="CF6" s="21">
        <f t="shared" si="9"/>
        <v>173.56</v>
      </c>
      <c r="CG6" s="21">
        <f t="shared" si="9"/>
        <v>146.08000000000001</v>
      </c>
      <c r="CH6" s="21">
        <f t="shared" si="9"/>
        <v>144.11000000000001</v>
      </c>
      <c r="CI6" s="21">
        <f t="shared" si="9"/>
        <v>141.24</v>
      </c>
      <c r="CJ6" s="21">
        <f t="shared" si="9"/>
        <v>142.03</v>
      </c>
      <c r="CK6" s="21">
        <f t="shared" si="9"/>
        <v>142.11000000000001</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61.93</v>
      </c>
      <c r="CS6" s="21">
        <f t="shared" si="10"/>
        <v>61.32</v>
      </c>
      <c r="CT6" s="21">
        <f t="shared" si="10"/>
        <v>61.7</v>
      </c>
      <c r="CU6" s="21">
        <f t="shared" si="10"/>
        <v>63.04</v>
      </c>
      <c r="CV6" s="21">
        <f t="shared" si="10"/>
        <v>60.55</v>
      </c>
      <c r="CW6" s="20" t="str">
        <f>IF(CW7="","",IF(CW7="-","【-】","【"&amp;SUBSTITUTE(TEXT(CW7,"#,##0.00"),"-","△")&amp;"】"))</f>
        <v>【59.10】</v>
      </c>
      <c r="CX6" s="21">
        <f>IF(CX7="",NA(),CX7)</f>
        <v>93.55</v>
      </c>
      <c r="CY6" s="21">
        <f t="shared" ref="CY6:DG6" si="11">IF(CY7="",NA(),CY7)</f>
        <v>93.72</v>
      </c>
      <c r="CZ6" s="21">
        <f t="shared" si="11"/>
        <v>93.83</v>
      </c>
      <c r="DA6" s="21">
        <f t="shared" si="11"/>
        <v>94</v>
      </c>
      <c r="DB6" s="21">
        <f t="shared" si="11"/>
        <v>94.25</v>
      </c>
      <c r="DC6" s="21">
        <f t="shared" si="11"/>
        <v>94.45</v>
      </c>
      <c r="DD6" s="21">
        <f t="shared" si="11"/>
        <v>94.58</v>
      </c>
      <c r="DE6" s="21">
        <f t="shared" si="11"/>
        <v>94.56</v>
      </c>
      <c r="DF6" s="21">
        <f t="shared" si="11"/>
        <v>94.75</v>
      </c>
      <c r="DG6" s="21">
        <f t="shared" si="11"/>
        <v>94.92</v>
      </c>
      <c r="DH6" s="20" t="str">
        <f>IF(DH7="","",IF(DH7="-","【-】","【"&amp;SUBSTITUTE(TEXT(DH7,"#,##0.00"),"-","△")&amp;"】"))</f>
        <v>【95.82】</v>
      </c>
      <c r="DI6" s="21">
        <f>IF(DI7="",NA(),DI7)</f>
        <v>10.41</v>
      </c>
      <c r="DJ6" s="21">
        <f t="shared" ref="DJ6:DR6" si="12">IF(DJ7="",NA(),DJ7)</f>
        <v>13.29</v>
      </c>
      <c r="DK6" s="21">
        <f t="shared" si="12"/>
        <v>16.149999999999999</v>
      </c>
      <c r="DL6" s="21">
        <f t="shared" si="12"/>
        <v>18.84</v>
      </c>
      <c r="DM6" s="21">
        <f t="shared" si="12"/>
        <v>21.52</v>
      </c>
      <c r="DN6" s="21">
        <f t="shared" si="12"/>
        <v>30.45</v>
      </c>
      <c r="DO6" s="21">
        <f t="shared" si="12"/>
        <v>31.01</v>
      </c>
      <c r="DP6" s="21">
        <f t="shared" si="12"/>
        <v>28.87</v>
      </c>
      <c r="DQ6" s="21">
        <f t="shared" si="12"/>
        <v>31.34</v>
      </c>
      <c r="DR6" s="21">
        <f t="shared" si="12"/>
        <v>32.909999999999997</v>
      </c>
      <c r="DS6" s="20" t="str">
        <f>IF(DS7="","",IF(DS7="-","【-】","【"&amp;SUBSTITUTE(TEXT(DS7,"#,##0.00"),"-","△")&amp;"】"))</f>
        <v>【39.74】</v>
      </c>
      <c r="DT6" s="21">
        <f>IF(DT7="",NA(),DT7)</f>
        <v>7.84</v>
      </c>
      <c r="DU6" s="21">
        <f t="shared" ref="DU6:EC6" si="13">IF(DU7="",NA(),DU7)</f>
        <v>8.8800000000000008</v>
      </c>
      <c r="DV6" s="21">
        <f t="shared" si="13"/>
        <v>9.9600000000000009</v>
      </c>
      <c r="DW6" s="21">
        <f t="shared" si="13"/>
        <v>9.07</v>
      </c>
      <c r="DX6" s="21">
        <f t="shared" si="13"/>
        <v>8.9499999999999993</v>
      </c>
      <c r="DY6" s="21">
        <f t="shared" si="13"/>
        <v>4.8499999999999996</v>
      </c>
      <c r="DZ6" s="21">
        <f t="shared" si="13"/>
        <v>4.95</v>
      </c>
      <c r="EA6" s="21">
        <f t="shared" si="13"/>
        <v>5.64</v>
      </c>
      <c r="EB6" s="21">
        <f t="shared" si="13"/>
        <v>6.43</v>
      </c>
      <c r="EC6" s="21">
        <f t="shared" si="13"/>
        <v>7.75</v>
      </c>
      <c r="ED6" s="20" t="str">
        <f>IF(ED7="","",IF(ED7="-","【-】","【"&amp;SUBSTITUTE(TEXT(ED7,"#,##0.00"),"-","△")&amp;"】"))</f>
        <v>【7.62】</v>
      </c>
      <c r="EE6" s="21">
        <f>IF(EE7="",NA(),EE7)</f>
        <v>0.14000000000000001</v>
      </c>
      <c r="EF6" s="21">
        <f t="shared" ref="EF6:EN6" si="14">IF(EF7="",NA(),EF7)</f>
        <v>0.66</v>
      </c>
      <c r="EG6" s="21">
        <f t="shared" si="14"/>
        <v>0.81</v>
      </c>
      <c r="EH6" s="21">
        <f t="shared" si="14"/>
        <v>0.77</v>
      </c>
      <c r="EI6" s="21">
        <f t="shared" si="14"/>
        <v>0.71</v>
      </c>
      <c r="EJ6" s="21">
        <f t="shared" si="14"/>
        <v>0.21</v>
      </c>
      <c r="EK6" s="21">
        <f t="shared" si="14"/>
        <v>0.19</v>
      </c>
      <c r="EL6" s="21">
        <f t="shared" si="14"/>
        <v>0.19</v>
      </c>
      <c r="EM6" s="21">
        <f t="shared" si="14"/>
        <v>0.19</v>
      </c>
      <c r="EN6" s="21">
        <f t="shared" si="14"/>
        <v>0.21</v>
      </c>
      <c r="EO6" s="20" t="str">
        <f>IF(EO7="","",IF(EO7="-","【-】","【"&amp;SUBSTITUTE(TEXT(EO7,"#,##0.00"),"-","△")&amp;"】"))</f>
        <v>【0.23】</v>
      </c>
    </row>
    <row r="7" spans="1:148" s="22" customFormat="1" x14ac:dyDescent="0.2">
      <c r="A7" s="14"/>
      <c r="B7" s="23">
        <v>2022</v>
      </c>
      <c r="C7" s="23">
        <v>142069</v>
      </c>
      <c r="D7" s="23">
        <v>46</v>
      </c>
      <c r="E7" s="23">
        <v>17</v>
      </c>
      <c r="F7" s="23">
        <v>1</v>
      </c>
      <c r="G7" s="23">
        <v>0</v>
      </c>
      <c r="H7" s="23" t="s">
        <v>96</v>
      </c>
      <c r="I7" s="23" t="s">
        <v>97</v>
      </c>
      <c r="J7" s="23" t="s">
        <v>98</v>
      </c>
      <c r="K7" s="23" t="s">
        <v>99</v>
      </c>
      <c r="L7" s="23" t="s">
        <v>100</v>
      </c>
      <c r="M7" s="23" t="s">
        <v>101</v>
      </c>
      <c r="N7" s="24" t="s">
        <v>102</v>
      </c>
      <c r="O7" s="24">
        <v>57.16</v>
      </c>
      <c r="P7" s="24">
        <v>83.46</v>
      </c>
      <c r="Q7" s="24">
        <v>71.45</v>
      </c>
      <c r="R7" s="24">
        <v>2636</v>
      </c>
      <c r="S7" s="24">
        <v>187880</v>
      </c>
      <c r="T7" s="24">
        <v>113.6</v>
      </c>
      <c r="U7" s="24">
        <v>1653.87</v>
      </c>
      <c r="V7" s="24">
        <v>156500</v>
      </c>
      <c r="W7" s="24">
        <v>25.64</v>
      </c>
      <c r="X7" s="24">
        <v>6103.74</v>
      </c>
      <c r="Y7" s="24">
        <v>104.42</v>
      </c>
      <c r="Z7" s="24">
        <v>104.22</v>
      </c>
      <c r="AA7" s="24">
        <v>103.4</v>
      </c>
      <c r="AB7" s="24">
        <v>96.92</v>
      </c>
      <c r="AC7" s="24">
        <v>99.22</v>
      </c>
      <c r="AD7" s="24">
        <v>107.64</v>
      </c>
      <c r="AE7" s="24">
        <v>107.03</v>
      </c>
      <c r="AF7" s="24">
        <v>106.55</v>
      </c>
      <c r="AG7" s="24">
        <v>106.01</v>
      </c>
      <c r="AH7" s="24">
        <v>105.5</v>
      </c>
      <c r="AI7" s="24">
        <v>106.11</v>
      </c>
      <c r="AJ7" s="24">
        <v>0</v>
      </c>
      <c r="AK7" s="24">
        <v>0</v>
      </c>
      <c r="AL7" s="24">
        <v>0</v>
      </c>
      <c r="AM7" s="24">
        <v>5</v>
      </c>
      <c r="AN7" s="24">
        <v>6.56</v>
      </c>
      <c r="AO7" s="24">
        <v>9.1999999999999993</v>
      </c>
      <c r="AP7" s="24">
        <v>7.69</v>
      </c>
      <c r="AQ7" s="24">
        <v>5.95</v>
      </c>
      <c r="AR7" s="24">
        <v>5.27</v>
      </c>
      <c r="AS7" s="24">
        <v>4.83</v>
      </c>
      <c r="AT7" s="24">
        <v>3.15</v>
      </c>
      <c r="AU7" s="24">
        <v>59.06</v>
      </c>
      <c r="AV7" s="24">
        <v>70.099999999999994</v>
      </c>
      <c r="AW7" s="24">
        <v>82.84</v>
      </c>
      <c r="AX7" s="24">
        <v>79.010000000000005</v>
      </c>
      <c r="AY7" s="24">
        <v>83.14</v>
      </c>
      <c r="AZ7" s="24">
        <v>72.22</v>
      </c>
      <c r="BA7" s="24">
        <v>73.02</v>
      </c>
      <c r="BB7" s="24">
        <v>72.930000000000007</v>
      </c>
      <c r="BC7" s="24">
        <v>80.08</v>
      </c>
      <c r="BD7" s="24">
        <v>87.33</v>
      </c>
      <c r="BE7" s="24">
        <v>73.44</v>
      </c>
      <c r="BF7" s="24">
        <v>514.82000000000005</v>
      </c>
      <c r="BG7" s="24">
        <v>463.77</v>
      </c>
      <c r="BH7" s="24">
        <v>476.68</v>
      </c>
      <c r="BI7" s="24">
        <v>454.49</v>
      </c>
      <c r="BJ7" s="24">
        <v>444.26</v>
      </c>
      <c r="BK7" s="24">
        <v>730.93</v>
      </c>
      <c r="BL7" s="24">
        <v>708.89</v>
      </c>
      <c r="BM7" s="24">
        <v>730.52</v>
      </c>
      <c r="BN7" s="24">
        <v>672.33</v>
      </c>
      <c r="BO7" s="24">
        <v>668.8</v>
      </c>
      <c r="BP7" s="24">
        <v>652.82000000000005</v>
      </c>
      <c r="BQ7" s="24">
        <v>96.37</v>
      </c>
      <c r="BR7" s="24">
        <v>97</v>
      </c>
      <c r="BS7" s="24">
        <v>95.51</v>
      </c>
      <c r="BT7" s="24">
        <v>85.39</v>
      </c>
      <c r="BU7" s="24">
        <v>95.65</v>
      </c>
      <c r="BV7" s="24">
        <v>98.09</v>
      </c>
      <c r="BW7" s="24">
        <v>97.91</v>
      </c>
      <c r="BX7" s="24">
        <v>98.61</v>
      </c>
      <c r="BY7" s="24">
        <v>98.75</v>
      </c>
      <c r="BZ7" s="24">
        <v>98.36</v>
      </c>
      <c r="CA7" s="24">
        <v>97.61</v>
      </c>
      <c r="CB7" s="24">
        <v>175.03</v>
      </c>
      <c r="CC7" s="24">
        <v>173.73</v>
      </c>
      <c r="CD7" s="24">
        <v>174.23</v>
      </c>
      <c r="CE7" s="24">
        <v>195.61</v>
      </c>
      <c r="CF7" s="24">
        <v>173.56</v>
      </c>
      <c r="CG7" s="24">
        <v>146.08000000000001</v>
      </c>
      <c r="CH7" s="24">
        <v>144.11000000000001</v>
      </c>
      <c r="CI7" s="24">
        <v>141.24</v>
      </c>
      <c r="CJ7" s="24">
        <v>142.03</v>
      </c>
      <c r="CK7" s="24">
        <v>142.11000000000001</v>
      </c>
      <c r="CL7" s="24">
        <v>138.29</v>
      </c>
      <c r="CM7" s="24" t="s">
        <v>102</v>
      </c>
      <c r="CN7" s="24" t="s">
        <v>102</v>
      </c>
      <c r="CO7" s="24" t="s">
        <v>102</v>
      </c>
      <c r="CP7" s="24" t="s">
        <v>102</v>
      </c>
      <c r="CQ7" s="24" t="s">
        <v>102</v>
      </c>
      <c r="CR7" s="24">
        <v>61.93</v>
      </c>
      <c r="CS7" s="24">
        <v>61.32</v>
      </c>
      <c r="CT7" s="24">
        <v>61.7</v>
      </c>
      <c r="CU7" s="24">
        <v>63.04</v>
      </c>
      <c r="CV7" s="24">
        <v>60.55</v>
      </c>
      <c r="CW7" s="24">
        <v>59.1</v>
      </c>
      <c r="CX7" s="24">
        <v>93.55</v>
      </c>
      <c r="CY7" s="24">
        <v>93.72</v>
      </c>
      <c r="CZ7" s="24">
        <v>93.83</v>
      </c>
      <c r="DA7" s="24">
        <v>94</v>
      </c>
      <c r="DB7" s="24">
        <v>94.25</v>
      </c>
      <c r="DC7" s="24">
        <v>94.45</v>
      </c>
      <c r="DD7" s="24">
        <v>94.58</v>
      </c>
      <c r="DE7" s="24">
        <v>94.56</v>
      </c>
      <c r="DF7" s="24">
        <v>94.75</v>
      </c>
      <c r="DG7" s="24">
        <v>94.92</v>
      </c>
      <c r="DH7" s="24">
        <v>95.82</v>
      </c>
      <c r="DI7" s="24">
        <v>10.41</v>
      </c>
      <c r="DJ7" s="24">
        <v>13.29</v>
      </c>
      <c r="DK7" s="24">
        <v>16.149999999999999</v>
      </c>
      <c r="DL7" s="24">
        <v>18.84</v>
      </c>
      <c r="DM7" s="24">
        <v>21.52</v>
      </c>
      <c r="DN7" s="24">
        <v>30.45</v>
      </c>
      <c r="DO7" s="24">
        <v>31.01</v>
      </c>
      <c r="DP7" s="24">
        <v>28.87</v>
      </c>
      <c r="DQ7" s="24">
        <v>31.34</v>
      </c>
      <c r="DR7" s="24">
        <v>32.909999999999997</v>
      </c>
      <c r="DS7" s="24">
        <v>39.74</v>
      </c>
      <c r="DT7" s="24">
        <v>7.84</v>
      </c>
      <c r="DU7" s="24">
        <v>8.8800000000000008</v>
      </c>
      <c r="DV7" s="24">
        <v>9.9600000000000009</v>
      </c>
      <c r="DW7" s="24">
        <v>9.07</v>
      </c>
      <c r="DX7" s="24">
        <v>8.9499999999999993</v>
      </c>
      <c r="DY7" s="24">
        <v>4.8499999999999996</v>
      </c>
      <c r="DZ7" s="24">
        <v>4.95</v>
      </c>
      <c r="EA7" s="24">
        <v>5.64</v>
      </c>
      <c r="EB7" s="24">
        <v>6.43</v>
      </c>
      <c r="EC7" s="24">
        <v>7.75</v>
      </c>
      <c r="ED7" s="24">
        <v>7.62</v>
      </c>
      <c r="EE7" s="24">
        <v>0.14000000000000001</v>
      </c>
      <c r="EF7" s="24">
        <v>0.66</v>
      </c>
      <c r="EG7" s="24">
        <v>0.81</v>
      </c>
      <c r="EH7" s="24">
        <v>0.77</v>
      </c>
      <c r="EI7" s="24">
        <v>0.71</v>
      </c>
      <c r="EJ7" s="24">
        <v>0.21</v>
      </c>
      <c r="EK7" s="24">
        <v>0.19</v>
      </c>
      <c r="EL7" s="24">
        <v>0.19</v>
      </c>
      <c r="EM7" s="24">
        <v>0.19</v>
      </c>
      <c r="EN7" s="24">
        <v>0.2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9T08:02:25Z</cp:lastPrinted>
  <dcterms:created xsi:type="dcterms:W3CDTF">2023-12-12T00:45:34Z</dcterms:created>
  <dcterms:modified xsi:type="dcterms:W3CDTF">2024-02-27T02:45:41Z</dcterms:modified>
  <cp:category/>
</cp:coreProperties>
</file>